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75" r:id="rId5"/>
    <p:sldId id="271" r:id="rId6"/>
    <p:sldId id="276" r:id="rId7"/>
    <p:sldId id="273" r:id="rId8"/>
    <p:sldId id="277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E32FA"/>
    <a:srgbClr val="FFCD32"/>
    <a:srgbClr val="FAC832"/>
    <a:srgbClr val="ED7D3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C600E01-E422-A890-BF9F-C30E5B0F18CC}" v="2" dt="2026-06-23T14:13:37.10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11" d="100"/>
          <a:sy n="111" d="100"/>
        </p:scale>
        <p:origin x="594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Susana Martin Billon" userId="e8cd8974-f4ed-4360-b868-975e69466e3f" providerId="ADAL" clId="{5F164447-F887-4F72-8870-A7FDC132AB1A}"/>
    <pc:docChg chg="undo custSel addSld delSld modSld">
      <pc:chgData name="Susana Martin Billon" userId="e8cd8974-f4ed-4360-b868-975e69466e3f" providerId="ADAL" clId="{5F164447-F887-4F72-8870-A7FDC132AB1A}" dt="2026-06-08T13:35:29.535" v="35" actId="20577"/>
      <pc:docMkLst>
        <pc:docMk/>
      </pc:docMkLst>
      <pc:sldChg chg="add">
        <pc:chgData name="Susana Martin Billon" userId="e8cd8974-f4ed-4360-b868-975e69466e3f" providerId="ADAL" clId="{5F164447-F887-4F72-8870-A7FDC132AB1A}" dt="2026-06-08T13:31:46.282" v="17"/>
        <pc:sldMkLst>
          <pc:docMk/>
          <pc:sldMk cId="245014488" sldId="273"/>
        </pc:sldMkLst>
      </pc:sldChg>
      <pc:sldChg chg="addSp delSp modSp mod">
        <pc:chgData name="Susana Martin Billon" userId="e8cd8974-f4ed-4360-b868-975e69466e3f" providerId="ADAL" clId="{5F164447-F887-4F72-8870-A7FDC132AB1A}" dt="2026-06-08T13:30:30.321" v="5" actId="14100"/>
        <pc:sldMkLst>
          <pc:docMk/>
          <pc:sldMk cId="2887351511" sldId="275"/>
        </pc:sldMkLst>
        <pc:picChg chg="add mod">
          <ac:chgData name="Susana Martin Billon" userId="e8cd8974-f4ed-4360-b868-975e69466e3f" providerId="ADAL" clId="{5F164447-F887-4F72-8870-A7FDC132AB1A}" dt="2026-06-08T13:30:30.321" v="5" actId="14100"/>
          <ac:picMkLst>
            <pc:docMk/>
            <pc:sldMk cId="2887351511" sldId="275"/>
            <ac:picMk id="6" creationId="{BE26E11C-6A81-73FA-1D0B-17E271A744B6}"/>
          </ac:picMkLst>
        </pc:picChg>
      </pc:sldChg>
      <pc:sldChg chg="delSp modSp add mod">
        <pc:chgData name="Susana Martin Billon" userId="e8cd8974-f4ed-4360-b868-975e69466e3f" providerId="ADAL" clId="{5F164447-F887-4F72-8870-A7FDC132AB1A}" dt="2026-06-08T13:35:05.188" v="32" actId="14429"/>
        <pc:sldMkLst>
          <pc:docMk/>
          <pc:sldMk cId="2806790609" sldId="276"/>
        </pc:sldMkLst>
        <pc:spChg chg="mod">
          <ac:chgData name="Susana Martin Billon" userId="e8cd8974-f4ed-4360-b868-975e69466e3f" providerId="ADAL" clId="{5F164447-F887-4F72-8870-A7FDC132AB1A}" dt="2026-06-08T13:33:29.198" v="27"/>
          <ac:spMkLst>
            <pc:docMk/>
            <pc:sldMk cId="2806790609" sldId="276"/>
            <ac:spMk id="8" creationId="{4D7547CD-138F-17FC-EFFE-E8E70C76E0BC}"/>
          </ac:spMkLst>
        </pc:spChg>
        <pc:spChg chg="mod modVis">
          <ac:chgData name="Susana Martin Billon" userId="e8cd8974-f4ed-4360-b868-975e69466e3f" providerId="ADAL" clId="{5F164447-F887-4F72-8870-A7FDC132AB1A}" dt="2026-06-08T13:35:05.188" v="32" actId="14429"/>
          <ac:spMkLst>
            <pc:docMk/>
            <pc:sldMk cId="2806790609" sldId="276"/>
            <ac:spMk id="25" creationId="{EB13819F-B49E-D35D-0D0C-BC851B9E8ACC}"/>
          </ac:spMkLst>
        </pc:spChg>
        <pc:spChg chg="mod modVis">
          <ac:chgData name="Susana Martin Billon" userId="e8cd8974-f4ed-4360-b868-975e69466e3f" providerId="ADAL" clId="{5F164447-F887-4F72-8870-A7FDC132AB1A}" dt="2026-06-08T13:34:19.809" v="30" actId="14429"/>
          <ac:spMkLst>
            <pc:docMk/>
            <pc:sldMk cId="2806790609" sldId="276"/>
            <ac:spMk id="26" creationId="{0C66D4ED-97EC-DF3F-0205-E6F256E31683}"/>
          </ac:spMkLst>
        </pc:spChg>
      </pc:sldChg>
      <pc:sldChg chg="modSp add mod">
        <pc:chgData name="Susana Martin Billon" userId="e8cd8974-f4ed-4360-b868-975e69466e3f" providerId="ADAL" clId="{5F164447-F887-4F72-8870-A7FDC132AB1A}" dt="2026-06-08T13:35:29.535" v="35" actId="20577"/>
        <pc:sldMkLst>
          <pc:docMk/>
          <pc:sldMk cId="2817191234" sldId="277"/>
        </pc:sldMkLst>
        <pc:spChg chg="mod">
          <ac:chgData name="Susana Martin Billon" userId="e8cd8974-f4ed-4360-b868-975e69466e3f" providerId="ADAL" clId="{5F164447-F887-4F72-8870-A7FDC132AB1A}" dt="2026-06-08T13:35:29.535" v="35" actId="20577"/>
          <ac:spMkLst>
            <pc:docMk/>
            <pc:sldMk cId="2817191234" sldId="277"/>
            <ac:spMk id="17" creationId="{B0D6D461-5B4D-3690-40E5-D7B410323AC2}"/>
          </ac:spMkLst>
        </pc:spChg>
      </pc:sldChg>
    </pc:docChg>
  </pc:docChgLst>
  <pc:docChgLst>
    <pc:chgData name="Ramya Sreenivasan" userId="S::sreenivasr@iata.org::a475b1e1-b8a4-4bc9-945d-c16507be1bdc" providerId="AD" clId="Web-{9C600E01-E422-A890-BF9F-C30E5B0F18CC}"/>
    <pc:docChg chg="addSld delSld">
      <pc:chgData name="Ramya Sreenivasan" userId="S::sreenivasr@iata.org::a475b1e1-b8a4-4bc9-945d-c16507be1bdc" providerId="AD" clId="Web-{9C600E01-E422-A890-BF9F-C30E5B0F18CC}" dt="2026-06-23T14:13:37.104" v="1"/>
      <pc:docMkLst>
        <pc:docMk/>
      </pc:docMkLst>
      <pc:sldChg chg="add del">
        <pc:chgData name="Ramya Sreenivasan" userId="S::sreenivasr@iata.org::a475b1e1-b8a4-4bc9-945d-c16507be1bdc" providerId="AD" clId="Web-{9C600E01-E422-A890-BF9F-C30E5B0F18CC}" dt="2026-06-23T14:13:37.104" v="1"/>
        <pc:sldMkLst>
          <pc:docMk/>
          <pc:sldMk cId="3035780936" sldId="271"/>
        </pc:sldMkLst>
      </pc:sldChg>
    </pc:docChg>
  </pc:docChgLst>
  <pc:docChgLst>
    <pc:chgData name="Ramya Sreenivasan" userId="a475b1e1-b8a4-4bc9-945d-c16507be1bdc" providerId="ADAL" clId="{E3368EF7-2FD6-4BBE-B666-DF4276FE1F16}"/>
    <pc:docChg chg="custSel modSld modMainMaster">
      <pc:chgData name="Ramya Sreenivasan" userId="a475b1e1-b8a4-4bc9-945d-c16507be1bdc" providerId="ADAL" clId="{E3368EF7-2FD6-4BBE-B666-DF4276FE1F16}" dt="2026-06-23T14:14:22.830" v="5" actId="478"/>
      <pc:docMkLst>
        <pc:docMk/>
      </pc:docMkLst>
      <pc:sldMasterChg chg="delSp mod">
        <pc:chgData name="Ramya Sreenivasan" userId="a475b1e1-b8a4-4bc9-945d-c16507be1bdc" providerId="ADAL" clId="{E3368EF7-2FD6-4BBE-B666-DF4276FE1F16}" dt="2026-06-23T14:14:22.830" v="5" actId="478"/>
        <pc:sldMasterMkLst>
          <pc:docMk/>
          <pc:sldMasterMk cId="4180852313" sldId="2147483648"/>
        </pc:sldMasterMkLst>
        <pc:spChg chg="del">
          <ac:chgData name="Ramya Sreenivasan" userId="a475b1e1-b8a4-4bc9-945d-c16507be1bdc" providerId="ADAL" clId="{E3368EF7-2FD6-4BBE-B666-DF4276FE1F16}" dt="2026-06-23T14:14:22.830" v="5" actId="478"/>
          <ac:spMkLst>
            <pc:docMk/>
            <pc:sldMasterMk cId="4180852313" sldId="2147483648"/>
            <ac:spMk id="8" creationId="{D6177BC8-8743-0880-C0E8-D21F65BC0FFD}"/>
          </ac:spMkLst>
        </pc:spChg>
      </pc:sldMaster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3/06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6814119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5569288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6/2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1" r:id="rId12"/>
    <p:sldLayoutId id="2147483662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ata.org/en/events/all/wings-of-change-europe" TargetMode="External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E26E11C-6A81-73FA-1D0B-17E271A744B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"/>
            <a:ext cx="12192000" cy="68579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735151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1969AAB8-B399-CF25-2CCE-47823C59AFE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57601" y="3606624"/>
            <a:ext cx="4876796" cy="2742575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OCE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OCE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9C91D285-6197-026D-197F-80B996597FA5}"/>
              </a:ext>
            </a:extLst>
          </p:cNvPr>
          <p:cNvGrpSpPr/>
          <p:nvPr/>
        </p:nvGrpSpPr>
        <p:grpSpPr>
          <a:xfrm>
            <a:off x="6867464" y="4154041"/>
            <a:ext cx="897617" cy="823870"/>
            <a:chOff x="873631" y="953474"/>
            <a:chExt cx="1817385" cy="1668072"/>
          </a:xfrm>
        </p:grpSpPr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3BA2758D-3269-93AD-4255-C83FB0E81048}"/>
                </a:ext>
              </a:extLst>
            </p:cNvPr>
            <p:cNvSpPr/>
            <p:nvPr/>
          </p:nvSpPr>
          <p:spPr>
            <a:xfrm>
              <a:off x="2184310" y="2114841"/>
              <a:ext cx="506706" cy="506705"/>
            </a:xfrm>
            <a:custGeom>
              <a:avLst/>
              <a:gdLst>
                <a:gd name="connsiteX0" fmla="*/ 533055 w 506705"/>
                <a:gd name="connsiteY0" fmla="*/ 533053 h 506704"/>
                <a:gd name="connsiteX1" fmla="*/ 0 w 506705"/>
                <a:gd name="connsiteY1" fmla="*/ 0 h 506704"/>
                <a:gd name="connsiteX2" fmla="*/ 0 w 506705"/>
                <a:gd name="connsiteY2" fmla="*/ 533053 h 506704"/>
                <a:gd name="connsiteX3" fmla="*/ 533055 w 506705"/>
                <a:gd name="connsiteY3" fmla="*/ 533053 h 5067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6705" h="506704">
                  <a:moveTo>
                    <a:pt x="533055" y="533053"/>
                  </a:moveTo>
                  <a:cubicBezTo>
                    <a:pt x="533055" y="238827"/>
                    <a:pt x="294565" y="0"/>
                    <a:pt x="0" y="0"/>
                  </a:cubicBezTo>
                  <a:lnTo>
                    <a:pt x="0" y="533053"/>
                  </a:lnTo>
                  <a:lnTo>
                    <a:pt x="533055" y="533053"/>
                  </a:lnTo>
                  <a:close/>
                </a:path>
              </a:pathLst>
            </a:custGeom>
            <a:solidFill>
              <a:srgbClr val="1E32FA"/>
            </a:solidFill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DEC8DF8E-DDDD-2C3C-9F3F-B2DABFFAAC38}"/>
                </a:ext>
              </a:extLst>
            </p:cNvPr>
            <p:cNvSpPr/>
            <p:nvPr/>
          </p:nvSpPr>
          <p:spPr>
            <a:xfrm>
              <a:off x="873631" y="2114504"/>
              <a:ext cx="506706" cy="506705"/>
            </a:xfrm>
            <a:custGeom>
              <a:avLst/>
              <a:gdLst>
                <a:gd name="connsiteX0" fmla="*/ 0 w 506705"/>
                <a:gd name="connsiteY0" fmla="*/ 533054 h 506704"/>
                <a:gd name="connsiteX1" fmla="*/ 533054 w 506705"/>
                <a:gd name="connsiteY1" fmla="*/ 0 h 506704"/>
                <a:gd name="connsiteX2" fmla="*/ 533054 w 506705"/>
                <a:gd name="connsiteY2" fmla="*/ 533054 h 506704"/>
                <a:gd name="connsiteX3" fmla="*/ 0 w 506705"/>
                <a:gd name="connsiteY3" fmla="*/ 533054 h 5067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6705" h="506704">
                  <a:moveTo>
                    <a:pt x="0" y="533054"/>
                  </a:moveTo>
                  <a:cubicBezTo>
                    <a:pt x="0" y="238827"/>
                    <a:pt x="238490" y="0"/>
                    <a:pt x="533054" y="0"/>
                  </a:cubicBezTo>
                  <a:lnTo>
                    <a:pt x="533054" y="533054"/>
                  </a:lnTo>
                  <a:lnTo>
                    <a:pt x="0" y="533054"/>
                  </a:lnTo>
                  <a:close/>
                </a:path>
              </a:pathLst>
            </a:custGeom>
            <a:solidFill>
              <a:srgbClr val="1E32FA"/>
            </a:solidFill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8FB99725-CEE9-ABE5-3AE8-F0E49B926E35}"/>
                </a:ext>
              </a:extLst>
            </p:cNvPr>
            <p:cNvSpPr/>
            <p:nvPr/>
          </p:nvSpPr>
          <p:spPr>
            <a:xfrm>
              <a:off x="1262781" y="953474"/>
              <a:ext cx="1047192" cy="1047190"/>
            </a:xfrm>
            <a:custGeom>
              <a:avLst/>
              <a:gdLst>
                <a:gd name="connsiteX0" fmla="*/ 1065433 w 1047191"/>
                <a:gd name="connsiteY0" fmla="*/ 532716 h 1047189"/>
                <a:gd name="connsiteX1" fmla="*/ 532717 w 1047191"/>
                <a:gd name="connsiteY1" fmla="*/ 1065431 h 1047189"/>
                <a:gd name="connsiteX2" fmla="*/ 0 w 1047191"/>
                <a:gd name="connsiteY2" fmla="*/ 532716 h 1047189"/>
                <a:gd name="connsiteX3" fmla="*/ 532717 w 1047191"/>
                <a:gd name="connsiteY3" fmla="*/ 0 h 1047189"/>
                <a:gd name="connsiteX4" fmla="*/ 1065433 w 1047191"/>
                <a:gd name="connsiteY4" fmla="*/ 532716 h 10471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7191" h="1047189">
                  <a:moveTo>
                    <a:pt x="1065433" y="532716"/>
                  </a:moveTo>
                  <a:cubicBezTo>
                    <a:pt x="1065433" y="826926"/>
                    <a:pt x="826928" y="1065431"/>
                    <a:pt x="532717" y="1065431"/>
                  </a:cubicBezTo>
                  <a:cubicBezTo>
                    <a:pt x="238505" y="1065431"/>
                    <a:pt x="0" y="826926"/>
                    <a:pt x="0" y="532716"/>
                  </a:cubicBezTo>
                  <a:cubicBezTo>
                    <a:pt x="0" y="238505"/>
                    <a:pt x="238505" y="0"/>
                    <a:pt x="532717" y="0"/>
                  </a:cubicBezTo>
                  <a:cubicBezTo>
                    <a:pt x="826928" y="0"/>
                    <a:pt x="1065433" y="238505"/>
                    <a:pt x="1065433" y="532716"/>
                  </a:cubicBezTo>
                  <a:close/>
                </a:path>
              </a:pathLst>
            </a:custGeom>
            <a:solidFill>
              <a:srgbClr val="FFCD32"/>
            </a:solidFill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546821BF-8F03-9DED-A9AE-3EE29074D622}"/>
                </a:ext>
              </a:extLst>
            </p:cNvPr>
            <p:cNvSpPr/>
            <p:nvPr/>
          </p:nvSpPr>
          <p:spPr>
            <a:xfrm>
              <a:off x="1528970" y="2114841"/>
              <a:ext cx="506706" cy="506705"/>
            </a:xfrm>
            <a:custGeom>
              <a:avLst/>
              <a:gdLst>
                <a:gd name="connsiteX0" fmla="*/ 0 w 506705"/>
                <a:gd name="connsiteY0" fmla="*/ 0 h 506704"/>
                <a:gd name="connsiteX1" fmla="*/ 533054 w 506705"/>
                <a:gd name="connsiteY1" fmla="*/ 0 h 506704"/>
                <a:gd name="connsiteX2" fmla="*/ 533054 w 506705"/>
                <a:gd name="connsiteY2" fmla="*/ 533053 h 506704"/>
                <a:gd name="connsiteX3" fmla="*/ 0 w 506705"/>
                <a:gd name="connsiteY3" fmla="*/ 533053 h 5067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6705" h="506704">
                  <a:moveTo>
                    <a:pt x="0" y="0"/>
                  </a:moveTo>
                  <a:lnTo>
                    <a:pt x="533054" y="0"/>
                  </a:lnTo>
                  <a:lnTo>
                    <a:pt x="533054" y="533053"/>
                  </a:lnTo>
                  <a:lnTo>
                    <a:pt x="0" y="533053"/>
                  </a:lnTo>
                  <a:close/>
                </a:path>
              </a:pathLst>
            </a:custGeom>
            <a:solidFill>
              <a:srgbClr val="1E32FA"/>
            </a:solidFill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12" b="7812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4" name="GRADIENT">
            <a:extLst>
              <a:ext uri="{FF2B5EF4-FFF2-40B4-BE49-F238E27FC236}">
                <a16:creationId xmlns:a16="http://schemas.microsoft.com/office/drawing/2014/main" id="{366FB2E1-5E49-085D-7279-B0062D39D89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GRADIENT" hidden="1">
            <a:extLst>
              <a:ext uri="{FF2B5EF4-FFF2-40B4-BE49-F238E27FC236}">
                <a16:creationId xmlns:a16="http://schemas.microsoft.com/office/drawing/2014/main" id="{EB13819F-B49E-D35D-0D0C-BC851B9E8ACC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GRADIENT">
            <a:extLst>
              <a:ext uri="{FF2B5EF4-FFF2-40B4-BE49-F238E27FC236}">
                <a16:creationId xmlns:a16="http://schemas.microsoft.com/office/drawing/2014/main" id="{0C66D4ED-97EC-DF3F-0205-E6F256E31683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/>
                <a:ea typeface="+mn-ea"/>
                <a:cs typeface="+mn-cs"/>
              </a:rPr>
              <a:t>Type your message here </a:t>
            </a:r>
            <a:r>
              <a:rPr kumimoji="0" lang="fr-FR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/>
                <a:ea typeface="+mn-ea"/>
                <a:cs typeface="+mn-cs"/>
              </a:rPr>
              <a:t>…</a:t>
            </a:r>
            <a:br>
              <a:rPr kumimoji="0" lang="fr-FR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/>
                <a:ea typeface="+mn-ea"/>
                <a:cs typeface="+mn-cs"/>
              </a:rPr>
            </a:br>
            <a:r>
              <a:rPr kumimoji="0" lang="fr-FR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/>
                <a:ea typeface="+mn-ea"/>
                <a:cs typeface="+mn-cs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A75EE3C-58FF-2FC4-EB4D-88637A9E46B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781113" cy="2325585"/>
          </a:xfrm>
          <a:prstGeom prst="rect">
            <a:avLst/>
          </a:prstGeom>
        </p:spPr>
      </p:pic>
      <p:sp>
        <p:nvSpPr>
          <p:cNvPr id="4" name="Footer Placeholder 28">
            <a:extLst>
              <a:ext uri="{FF2B5EF4-FFF2-40B4-BE49-F238E27FC236}">
                <a16:creationId xmlns:a16="http://schemas.microsoft.com/office/drawing/2014/main" id="{E15822AD-1453-646C-B327-D5935D7BDD29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20555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#IATAWOCE</a:t>
            </a:r>
          </a:p>
        </p:txBody>
      </p:sp>
      <p:sp>
        <p:nvSpPr>
          <p:cNvPr id="6" name="IATA">
            <a:extLst>
              <a:ext uri="{FF2B5EF4-FFF2-40B4-BE49-F238E27FC236}">
                <a16:creationId xmlns:a16="http://schemas.microsoft.com/office/drawing/2014/main" id="{53C0B216-2CB2-2372-3D9D-122B17AFEDCA}"/>
              </a:ext>
            </a:extLst>
          </p:cNvPr>
          <p:cNvSpPr>
            <a:spLocks noGrp="1" noRot="1" noChangeAspect="1" noMove="1" noResize="1" noEditPoints="1" noAdjustHandles="1" noChangeArrowheads="1" noChangeShapeType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Location, Dates">
            <a:extLst>
              <a:ext uri="{FF2B5EF4-FFF2-40B4-BE49-F238E27FC236}">
                <a16:creationId xmlns:a16="http://schemas.microsoft.com/office/drawing/2014/main" id="{4D7547CD-138F-17FC-EFFE-E8E70C76E0BC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1715" y="311835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russels, Belgium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5 October 2026</a:t>
            </a:r>
          </a:p>
        </p:txBody>
      </p:sp>
    </p:spTree>
    <p:extLst>
      <p:ext uri="{BB962C8B-B14F-4D97-AF65-F5344CB8AC3E}">
        <p14:creationId xmlns:p14="http://schemas.microsoft.com/office/powerpoint/2010/main" val="280679060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12" b="7812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9" name="GRADIENT">
            <a:extLst>
              <a:ext uri="{FF2B5EF4-FFF2-40B4-BE49-F238E27FC236}">
                <a16:creationId xmlns:a16="http://schemas.microsoft.com/office/drawing/2014/main" id="{B64F73F2-7B13-A3DC-7BEC-70C2623EBF25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GRADIENT" hidden="1">
            <a:extLst>
              <a:ext uri="{FF2B5EF4-FFF2-40B4-BE49-F238E27FC236}">
                <a16:creationId xmlns:a16="http://schemas.microsoft.com/office/drawing/2014/main" id="{FCC6A519-6155-F845-C6B6-5A88787A7D3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GRADIENT" hidden="1">
            <a:extLst>
              <a:ext uri="{FF2B5EF4-FFF2-40B4-BE49-F238E27FC236}">
                <a16:creationId xmlns:a16="http://schemas.microsoft.com/office/drawing/2014/main" id="{2C9E56AD-2E0C-0A5B-FA37-14D0A98D3041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Title">
            <a:extLst>
              <a:ext uri="{FF2B5EF4-FFF2-40B4-BE49-F238E27FC236}">
                <a16:creationId xmlns:a16="http://schemas.microsoft.com/office/drawing/2014/main" id="{7E242B1F-447C-C2FD-5776-51AA6272A986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1715" y="4457913"/>
            <a:ext cx="5484285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 </a:t>
            </a:r>
          </a:p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WOCE 2026!</a:t>
            </a:r>
          </a:p>
        </p:txBody>
      </p:sp>
      <p:sp>
        <p:nvSpPr>
          <p:cNvPr id="13" name="Location, Dates">
            <a:extLst>
              <a:ext uri="{FF2B5EF4-FFF2-40B4-BE49-F238E27FC236}">
                <a16:creationId xmlns:a16="http://schemas.microsoft.com/office/drawing/2014/main" id="{80DD1537-C023-F9B5-D2DB-4018078B50A5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1715" y="311835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russels, Belgium</a:t>
            </a:r>
          </a:p>
          <a:p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5 October 2026</a:t>
            </a:r>
          </a:p>
        </p:txBody>
      </p:sp>
      <p:sp>
        <p:nvSpPr>
          <p:cNvPr id="16" name="Footer Placeholder 28">
            <a:extLst>
              <a:ext uri="{FF2B5EF4-FFF2-40B4-BE49-F238E27FC236}">
                <a16:creationId xmlns:a16="http://schemas.microsoft.com/office/drawing/2014/main" id="{07C902A9-9103-7969-CCAD-88221A12D72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20555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WOC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52B3C0C-FB9C-F020-6EA6-B2398A14740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781113" cy="2325585"/>
          </a:xfrm>
          <a:prstGeom prst="rect">
            <a:avLst/>
          </a:prstGeom>
        </p:spPr>
      </p:pic>
      <p:sp>
        <p:nvSpPr>
          <p:cNvPr id="4" name="IATA">
            <a:extLst>
              <a:ext uri="{FF2B5EF4-FFF2-40B4-BE49-F238E27FC236}">
                <a16:creationId xmlns:a16="http://schemas.microsoft.com/office/drawing/2014/main" id="{41B92107-BB7E-843E-3003-56F6CD1DDC03}"/>
              </a:ext>
            </a:extLst>
          </p:cNvPr>
          <p:cNvSpPr>
            <a:spLocks noGrp="1" noRot="1" noChangeAspect="1" noMove="1" noResize="1" noEditPoints="1" noAdjustHandles="1" noChangeArrowheads="1" noChangeShapeType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5" name="Arrow" descr="A yellow and white striped sign&#10;&#10;Description automatically generated with low confidence">
            <a:extLst>
              <a:ext uri="{FF2B5EF4-FFF2-40B4-BE49-F238E27FC236}">
                <a16:creationId xmlns:a16="http://schemas.microsoft.com/office/drawing/2014/main" id="{B955B674-BAB3-CE11-0DBC-7834BB3C5BA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82501" y="452482"/>
            <a:ext cx="4214199" cy="4852715"/>
          </a:xfrm>
          <a:prstGeom prst="rect">
            <a:avLst/>
          </a:prstGeom>
        </p:spPr>
      </p:pic>
      <p:sp>
        <p:nvSpPr>
          <p:cNvPr id="8" name="Text Placeholder 5" hidden="1">
            <a:extLst>
              <a:ext uri="{FF2B5EF4-FFF2-40B4-BE49-F238E27FC236}">
                <a16:creationId xmlns:a16="http://schemas.microsoft.com/office/drawing/2014/main" id="{7589CF8D-58D8-6A8B-A062-661E4F640DDB}"/>
              </a:ext>
            </a:extLst>
          </p:cNvPr>
          <p:cNvSpPr>
            <a:spLocks noGrp="1"/>
          </p:cNvSpPr>
          <p:nvPr/>
        </p:nvSpPr>
        <p:spPr>
          <a:xfrm>
            <a:off x="8325906" y="5516223"/>
            <a:ext cx="1586522" cy="19464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ctr" defTabSz="800071" rtl="0" eaLnBrk="1" latinLnBrk="0" hangingPunct="1">
              <a:lnSpc>
                <a:spcPct val="90000"/>
              </a:lnSpc>
              <a:spcBef>
                <a:spcPts val="875"/>
              </a:spcBef>
              <a:buFont typeface="Arial" panose="020B0604020202020204" pitchFamily="34" charset="0"/>
              <a:buNone/>
              <a:defRPr sz="1027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50023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98674" indent="-200018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ktiv Grotesk Medium" panose="020B0504020202020204" pitchFamily="34" charset="0"/>
              <a:buChar char="–"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51483" indent="-200018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ktiv Grotesk Medium" panose="020B0504020202020204" pitchFamily="34" charset="0"/>
              <a:buChar char="▪"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918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cs-CZ" dirty="0"/>
              <a:t>Host Airline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AF2B5C3-2C72-31C6-01B8-2FBDD5DE843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F3724B0-1780-775A-9D0B-A802FA43945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12" b="7812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9" name="GRADIENT">
            <a:extLst>
              <a:ext uri="{FF2B5EF4-FFF2-40B4-BE49-F238E27FC236}">
                <a16:creationId xmlns:a16="http://schemas.microsoft.com/office/drawing/2014/main" id="{F6ABA4C8-51D7-4C2D-1E7A-79FB96D163B9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GRADIENT" hidden="1">
            <a:extLst>
              <a:ext uri="{FF2B5EF4-FFF2-40B4-BE49-F238E27FC236}">
                <a16:creationId xmlns:a16="http://schemas.microsoft.com/office/drawing/2014/main" id="{0946F282-B616-8922-CA62-CE9DAEE5BD0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GRADIENT" hidden="1">
            <a:extLst>
              <a:ext uri="{FF2B5EF4-FFF2-40B4-BE49-F238E27FC236}">
                <a16:creationId xmlns:a16="http://schemas.microsoft.com/office/drawing/2014/main" id="{927CEA9B-9B5B-A32F-4257-FE2EB9480C4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Title">
            <a:extLst>
              <a:ext uri="{FF2B5EF4-FFF2-40B4-BE49-F238E27FC236}">
                <a16:creationId xmlns:a16="http://schemas.microsoft.com/office/drawing/2014/main" id="{B0D6D461-5B4D-3690-40E5-D7B410323AC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1715" y="4457913"/>
            <a:ext cx="5484285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US AT </a:t>
            </a:r>
          </a:p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WOCE 2026!</a:t>
            </a:r>
          </a:p>
        </p:txBody>
      </p:sp>
      <p:sp>
        <p:nvSpPr>
          <p:cNvPr id="13" name="Location, Dates">
            <a:extLst>
              <a:ext uri="{FF2B5EF4-FFF2-40B4-BE49-F238E27FC236}">
                <a16:creationId xmlns:a16="http://schemas.microsoft.com/office/drawing/2014/main" id="{BFC462EA-06D5-FF39-8BB6-ADF45E399D88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1715" y="311835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russels, Belgium</a:t>
            </a:r>
          </a:p>
          <a:p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5 October 2026</a:t>
            </a:r>
          </a:p>
        </p:txBody>
      </p:sp>
      <p:sp>
        <p:nvSpPr>
          <p:cNvPr id="16" name="Footer Placeholder 28">
            <a:extLst>
              <a:ext uri="{FF2B5EF4-FFF2-40B4-BE49-F238E27FC236}">
                <a16:creationId xmlns:a16="http://schemas.microsoft.com/office/drawing/2014/main" id="{BD50DC40-956C-DC61-315F-0F1B0C123E74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20555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WOC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49780237-002B-BF0F-CAEA-9EB564034FB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781113" cy="2325585"/>
          </a:xfrm>
          <a:prstGeom prst="rect">
            <a:avLst/>
          </a:prstGeom>
        </p:spPr>
      </p:pic>
      <p:sp>
        <p:nvSpPr>
          <p:cNvPr id="4" name="IATA">
            <a:extLst>
              <a:ext uri="{FF2B5EF4-FFF2-40B4-BE49-F238E27FC236}">
                <a16:creationId xmlns:a16="http://schemas.microsoft.com/office/drawing/2014/main" id="{A0E94A9E-15CC-8E2B-52B6-A87DED497945}"/>
              </a:ext>
            </a:extLst>
          </p:cNvPr>
          <p:cNvSpPr>
            <a:spLocks noGrp="1" noRot="1" noChangeAspect="1" noMove="1" noResize="1" noEditPoints="1" noAdjustHandles="1" noChangeArrowheads="1" noChangeShapeType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5" name="Arrow" descr="A yellow and white striped sign&#10;&#10;Description automatically generated with low confidence">
            <a:extLst>
              <a:ext uri="{FF2B5EF4-FFF2-40B4-BE49-F238E27FC236}">
                <a16:creationId xmlns:a16="http://schemas.microsoft.com/office/drawing/2014/main" id="{A19349CE-7392-F188-A27E-262B7121A54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82501" y="452482"/>
            <a:ext cx="4214199" cy="4852715"/>
          </a:xfrm>
          <a:prstGeom prst="rect">
            <a:avLst/>
          </a:prstGeom>
        </p:spPr>
      </p:pic>
      <p:sp>
        <p:nvSpPr>
          <p:cNvPr id="8" name="Text Placeholder 5" hidden="1">
            <a:extLst>
              <a:ext uri="{FF2B5EF4-FFF2-40B4-BE49-F238E27FC236}">
                <a16:creationId xmlns:a16="http://schemas.microsoft.com/office/drawing/2014/main" id="{2AFD45D8-EACB-3DDE-1921-BE2465363C71}"/>
              </a:ext>
            </a:extLst>
          </p:cNvPr>
          <p:cNvSpPr>
            <a:spLocks noGrp="1"/>
          </p:cNvSpPr>
          <p:nvPr/>
        </p:nvSpPr>
        <p:spPr>
          <a:xfrm>
            <a:off x="8325906" y="5516223"/>
            <a:ext cx="1586522" cy="19464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ctr" defTabSz="800071" rtl="0" eaLnBrk="1" latinLnBrk="0" hangingPunct="1">
              <a:lnSpc>
                <a:spcPct val="90000"/>
              </a:lnSpc>
              <a:spcBef>
                <a:spcPts val="875"/>
              </a:spcBef>
              <a:buFont typeface="Arial" panose="020B0604020202020204" pitchFamily="34" charset="0"/>
              <a:buNone/>
              <a:defRPr sz="1027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50023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98674" indent="-200018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ktiv Grotesk Medium" panose="020B0504020202020204" pitchFamily="34" charset="0"/>
              <a:buChar char="–"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51483" indent="-200018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ktiv Grotesk Medium" panose="020B0504020202020204" pitchFamily="34" charset="0"/>
              <a:buChar char="▪"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918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cs-CZ" dirty="0"/>
              <a:t>Host Airline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7191234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INGS-OF-CHANGE-EUROPE_RGB_PPT.pn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INGS-OF-CHANGE-EUROPE_RGB_PPT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INGS-OF-CHANGE-EUROPE_RGB_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406fc2e1-dc5b-4992-87f9-b06145a5a39e" xsi:nil="true"/>
    <lcf76f155ced4ddcb4097134ff3c332f xmlns="0c4c20ca-eb45-4abc-a0db-172c6a4bb65b">
      <Terms xmlns="http://schemas.microsoft.com/office/infopath/2007/PartnerControls"/>
    </lcf76f155ced4ddcb4097134ff3c332f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DEB21435E05EF419D9C65C4E54882A5" ma:contentTypeVersion="10" ma:contentTypeDescription="Create a new document." ma:contentTypeScope="" ma:versionID="64b61b6ef2000b6affac17920875c88e">
  <xsd:schema xmlns:xsd="http://www.w3.org/2001/XMLSchema" xmlns:xs="http://www.w3.org/2001/XMLSchema" xmlns:p="http://schemas.microsoft.com/office/2006/metadata/properties" xmlns:ns2="0c4c20ca-eb45-4abc-a0db-172c6a4bb65b" xmlns:ns3="406fc2e1-dc5b-4992-87f9-b06145a5a39e" targetNamespace="http://schemas.microsoft.com/office/2006/metadata/properties" ma:root="true" ma:fieldsID="79f18cf17daebeb5ce4ee119b4846a02" ns2:_="" ns3:_="">
    <xsd:import namespace="0c4c20ca-eb45-4abc-a0db-172c6a4bb65b"/>
    <xsd:import namespace="406fc2e1-dc5b-4992-87f9-b06145a5a39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c4c20ca-eb45-4abc-a0db-172c6a4bb65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06fc2e1-dc5b-4992-87f9-b06145a5a39e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ee13b25e-aa9f-4551-ad75-2a8cb625f298}" ma:internalName="TaxCatchAll" ma:showField="CatchAllData" ma:web="406fc2e1-dc5b-4992-87f9-b06145a5a39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406fc2e1-dc5b-4992-87f9-b06145a5a39e"/>
    <ds:schemaRef ds:uri="http://purl.org/dc/dcmitype/"/>
    <ds:schemaRef ds:uri="http://schemas.microsoft.com/office/infopath/2007/PartnerControls"/>
    <ds:schemaRef ds:uri="http://schemas.microsoft.com/office/2006/documentManagement/types"/>
    <ds:schemaRef ds:uri="http://schemas.microsoft.com/office/2006/metadata/properties"/>
    <ds:schemaRef ds:uri="http://purl.org/dc/terms/"/>
    <ds:schemaRef ds:uri="http://schemas.openxmlformats.org/package/2006/metadata/core-properties"/>
    <ds:schemaRef ds:uri="0c4c20ca-eb45-4abc-a0db-172c6a4bb65b"/>
    <ds:schemaRef ds:uri="http://www.w3.org/XML/1998/namespace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48301FF8-E5CC-4629-A0E6-603859C0584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c4c20ca-eb45-4abc-a0db-172c6a4bb65b"/>
    <ds:schemaRef ds:uri="406fc2e1-dc5b-4992-87f9-b06145a5a39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1</Words>
  <Application>Microsoft Office PowerPoint</Application>
  <PresentationFormat>Widescreen</PresentationFormat>
  <Paragraphs>23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2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Ramya Sreenivasan</cp:lastModifiedBy>
  <cp:revision>10</cp:revision>
  <dcterms:created xsi:type="dcterms:W3CDTF">2023-06-13T12:34:15Z</dcterms:created>
  <dcterms:modified xsi:type="dcterms:W3CDTF">2026-06-23T14:14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DEB21435E05EF419D9C65C4E54882A5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